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-15" yWindow="-15" windowWidth="28830" windowHeight="6105" tabRatio="748"/>
  </bookViews>
  <sheets>
    <sheet name="ReadMe" sheetId="3" r:id="rId1"/>
    <sheet name="AIR_to_RiskFrontiers_Con_Codes" sheetId="2" r:id="rId2"/>
    <sheet name="AIR_to_RiskFrontiers_Occ_Codes" sheetId="1" r:id="rId3"/>
  </sheets>
  <definedNames>
    <definedName name="_xlnm._FilterDatabase" localSheetId="1" hidden="1">AIR_to_RiskFrontiers_Con_Codes!$B$2:$D$49</definedName>
    <definedName name="_xlnm._FilterDatabase" localSheetId="2">AIR_to_RiskFrontiers_Occ_Codes!$A$1:$F$52</definedName>
  </definedNames>
  <calcPr calcId="125725"/>
</workbook>
</file>

<file path=xl/sharedStrings.xml><?xml version="1.0" encoding="utf-8"?>
<sst xmlns="http://schemas.openxmlformats.org/spreadsheetml/2006/main" count="387" uniqueCount="143">
  <si>
    <t>Unknown</t>
  </si>
  <si>
    <t>Wood</t>
  </si>
  <si>
    <t>Masonry</t>
  </si>
  <si>
    <t>Adobe</t>
  </si>
  <si>
    <t>Confined Masonry</t>
  </si>
  <si>
    <t>Concrete</t>
  </si>
  <si>
    <t>Steel</t>
  </si>
  <si>
    <t>Steel MRF</t>
  </si>
  <si>
    <t>Mobile Homes</t>
  </si>
  <si>
    <t>Automobiles</t>
  </si>
  <si>
    <t>AIR Construction Class</t>
  </si>
  <si>
    <t>Rubble Stone Masonry</t>
  </si>
  <si>
    <t>Unreinforced Masonry - Bearing Wall</t>
  </si>
  <si>
    <t>Reinforced Masonry</t>
  </si>
  <si>
    <t>Reinforced Concrete</t>
  </si>
  <si>
    <t>Reinforced Concrete Shear Wall (with MRF)</t>
  </si>
  <si>
    <t>Reinforced Concrete Shear Wall (without MRF)</t>
  </si>
  <si>
    <t>Pre-cast Concrete</t>
  </si>
  <si>
    <t>Reinforced Concrete MRF</t>
  </si>
  <si>
    <t>Reinforced Concrete MRF with URM</t>
  </si>
  <si>
    <t>Light Metal</t>
  </si>
  <si>
    <t>Braced Steel Frame</t>
  </si>
  <si>
    <t>Steel Frame with URM</t>
  </si>
  <si>
    <t>Steel Frame with Concrete Shear Wall</t>
  </si>
  <si>
    <t>Residential</t>
  </si>
  <si>
    <t>Commercial</t>
  </si>
  <si>
    <t>Parking</t>
  </si>
  <si>
    <t>Industrial</t>
  </si>
  <si>
    <t>Construction</t>
  </si>
  <si>
    <t>Petroleum</t>
  </si>
  <si>
    <t>Mining</t>
  </si>
  <si>
    <t>Restaurants</t>
  </si>
  <si>
    <t>Church</t>
  </si>
  <si>
    <t>Emergency Services</t>
  </si>
  <si>
    <t>Education</t>
  </si>
  <si>
    <t>Transportation</t>
  </si>
  <si>
    <t>Highway</t>
  </si>
  <si>
    <t>Railroad</t>
  </si>
  <si>
    <t>Air</t>
  </si>
  <si>
    <t>Utilities</t>
  </si>
  <si>
    <t>Miscellaneous</t>
  </si>
  <si>
    <t>Communication</t>
  </si>
  <si>
    <t>Agriculture</t>
  </si>
  <si>
    <t>AIR Occupancy Category</t>
  </si>
  <si>
    <t>AIR Occupancy Class</t>
  </si>
  <si>
    <t>General Residential</t>
  </si>
  <si>
    <t>Temporary Lodging</t>
  </si>
  <si>
    <t>Group Institutional Housing</t>
  </si>
  <si>
    <t>Apartments/Condominiums</t>
  </si>
  <si>
    <t>General Commercial</t>
  </si>
  <si>
    <t>Retail Trade</t>
  </si>
  <si>
    <t>Wholesale Trade</t>
  </si>
  <si>
    <t>Personal and Repair Services</t>
  </si>
  <si>
    <t>Professional, Technical, and Business Services</t>
  </si>
  <si>
    <t>Health Care Services</t>
  </si>
  <si>
    <t>Entertainment and Recreation</t>
  </si>
  <si>
    <t>General Industrial</t>
  </si>
  <si>
    <t>Heavy Fabrication and Assembly</t>
  </si>
  <si>
    <t>Light Fabrication and Assembly</t>
  </si>
  <si>
    <t>Food and Drug Processing</t>
  </si>
  <si>
    <t>Chemical Processing</t>
  </si>
  <si>
    <t>Metal and Mineral Processing</t>
  </si>
  <si>
    <t>High Technology</t>
  </si>
  <si>
    <t>Religion and Non-Profit</t>
  </si>
  <si>
    <t>Sea and Inland Waterways</t>
  </si>
  <si>
    <t>Sanitary Sewer</t>
  </si>
  <si>
    <t>Natural Gas</t>
  </si>
  <si>
    <t>Telephone and Telegraph</t>
  </si>
  <si>
    <t>Flood Control</t>
  </si>
  <si>
    <t>Wood Frame (Modern)</t>
  </si>
  <si>
    <t>Reinforced Concrete MRF - Ductile</t>
  </si>
  <si>
    <t>Reinforced concrete MRF - Non-Ductile</t>
  </si>
  <si>
    <t>Pre-cast Concrete with Shear Wall</t>
  </si>
  <si>
    <t>Steel MRF - Perimeter</t>
  </si>
  <si>
    <t>Steel MRF - Distributed</t>
  </si>
  <si>
    <t>Steel Reinforced Concrete</t>
  </si>
  <si>
    <t>Golf Courses</t>
  </si>
  <si>
    <t>Aircraft Hangars</t>
  </si>
  <si>
    <t>Industrial Facility</t>
  </si>
  <si>
    <t>Unknown Industrial Facility</t>
  </si>
  <si>
    <t>Heavy Fabrication and Assembly - General</t>
  </si>
  <si>
    <t>Automotive Manufacturing</t>
  </si>
  <si>
    <t>Fabricated Metal Products</t>
  </si>
  <si>
    <t>Industrial and Commercial Machinery and Equipment</t>
  </si>
  <si>
    <t>Transportation Equipment Assembly</t>
  </si>
  <si>
    <t>AIR Construction Category</t>
  </si>
  <si>
    <t>AIR Occupancy Code</t>
  </si>
  <si>
    <t>Universities, Colleges, and Technical Schools</t>
  </si>
  <si>
    <t>Wood, Light Frame</t>
  </si>
  <si>
    <t>W1</t>
  </si>
  <si>
    <t>If 1 &lt;=stories &lt;=2, then unreinforced masonry bearing wall, else unknown</t>
  </si>
  <si>
    <t>URML</t>
  </si>
  <si>
    <t>30, 31, 32, 33</t>
  </si>
  <si>
    <t>If stories &gt;=4, and the country is AU, then this describes a reinforced masonry bearing walls, else unknown
If the country is NZ, then this describes RML2 to RM2H, depending on the number of stories</t>
  </si>
  <si>
    <t>RM1M, RM2L, RM2M, RM2H</t>
  </si>
  <si>
    <t>Reinforced Masonry Shear Wall - with MRF</t>
  </si>
  <si>
    <t>Same as above</t>
  </si>
  <si>
    <t>Reinforced Masonry Shear Wall - without MRF</t>
  </si>
  <si>
    <t>Joisted Masonry</t>
  </si>
  <si>
    <t>Cavity double brick (not supported in New Zealand)</t>
  </si>
  <si>
    <t>If stories &gt;=4, and the country is AU, then this describes a reinforced masonry bearing walls, else unknown</t>
  </si>
  <si>
    <t>RM1M</t>
  </si>
  <si>
    <t>Light Wood Frame</t>
  </si>
  <si>
    <t>Masonry Veneer</t>
  </si>
  <si>
    <t>Heavy Timber</t>
  </si>
  <si>
    <t>Lightweight Cladding</t>
  </si>
  <si>
    <t>Mapped to Unknown</t>
  </si>
  <si>
    <t>Concrete Moment Frame (AU only, unknown for New Zealand)</t>
  </si>
  <si>
    <t>C1M</t>
  </si>
  <si>
    <t>Tilt-up</t>
  </si>
  <si>
    <t>Steel Moment Frame (AU only, unknown for New Zealand)</t>
  </si>
  <si>
    <t>S1M</t>
  </si>
  <si>
    <t>Risk Frontiers Structure Type Code</t>
  </si>
  <si>
    <t>Risk Frontiers Description</t>
  </si>
  <si>
    <t>Special</t>
  </si>
  <si>
    <t>Long-span</t>
  </si>
  <si>
    <t>Unsupported</t>
  </si>
  <si>
    <t>Semi-wind Resistive</t>
  </si>
  <si>
    <t>Mobile Homes with no Tie-downs</t>
  </si>
  <si>
    <t>Mobile Homes with Partial Tie-downs</t>
  </si>
  <si>
    <t>Mobile Homes with Full Tie-downs</t>
  </si>
  <si>
    <t>Motor</t>
  </si>
  <si>
    <t>Used for motor cover</t>
  </si>
  <si>
    <t>Boats &amp; Yachts (Marine Craft)</t>
  </si>
  <si>
    <t>Pleasure Boats and Yachts</t>
  </si>
  <si>
    <t>Pleasure Boats and Yachts - Power Boats</t>
  </si>
  <si>
    <t>Pleasure Boats and Yachts - Sail Boats</t>
  </si>
  <si>
    <t>Risk Frontiers Occupancy Code</t>
  </si>
  <si>
    <t>Risk Frontiers Occupancy Category</t>
  </si>
  <si>
    <t>AIR Region Name</t>
  </si>
  <si>
    <t>Australia</t>
  </si>
  <si>
    <t>Permanent Dwelling: Single-Family</t>
  </si>
  <si>
    <t>Permanent Dwelling: Multi-Family</t>
  </si>
  <si>
    <t>Government</t>
  </si>
  <si>
    <t>General Services</t>
  </si>
  <si>
    <t>Electrical</t>
  </si>
  <si>
    <t>Water</t>
  </si>
  <si>
    <r>
      <t>Hazus</t>
    </r>
    <r>
      <rPr>
        <sz val="12"/>
        <color rgb="FF545454"/>
        <rFont val="Roboto"/>
      </rPr>
      <t> is a FEMA program that "supports risk-informed decision making efforts by estimating potential losses from earthquakes, floods, and hurricanes, and visualizing the effects of such hazards."</t>
    </r>
  </si>
  <si>
    <t>Hazus</t>
  </si>
  <si>
    <t>Unreinforced Masonry - Bearing Frame</t>
  </si>
  <si>
    <t>Wind Resistive</t>
  </si>
  <si>
    <r>
      <t xml:space="preserve">This spreadsheet provides a mapping reference for AIR to Risk Frontiers construction and occupancy codes.
The </t>
    </r>
    <r>
      <rPr>
        <b/>
        <sz val="11"/>
        <color theme="1"/>
        <rFont val="Calibri"/>
        <family val="2"/>
        <scheme val="minor"/>
      </rPr>
      <t>AIR_to_RiskFrontiers_Con_Codes</t>
    </r>
    <r>
      <rPr>
        <sz val="11"/>
        <color theme="1"/>
        <rFont val="Calibri"/>
        <family val="2"/>
        <scheme val="minor"/>
      </rPr>
      <t xml:space="preserve"> and </t>
    </r>
    <r>
      <rPr>
        <b/>
        <sz val="11"/>
        <color theme="1"/>
        <rFont val="Calibri"/>
        <family val="2"/>
        <scheme val="minor"/>
      </rPr>
      <t>AIR_to_RiskFrontiers_Occ_Codes</t>
    </r>
    <r>
      <rPr>
        <sz val="11"/>
        <color theme="1"/>
        <rFont val="Calibri"/>
        <family val="2"/>
        <scheme val="minor"/>
      </rPr>
      <t xml:space="preserve"> sheets list the construction and occupancy code mapping that occurs for Australia and New Zealand exposures in Touchstone 5.0 when you initiate a Detailed Loss Analysis that you have configured to use the Risk Frontiers analysis engine.
</t>
    </r>
    <r>
      <rPr>
        <i/>
        <sz val="11"/>
        <color theme="1"/>
        <rFont val="Calibri"/>
        <family val="2"/>
        <scheme val="minor"/>
      </rPr>
      <t>Unknown</t>
    </r>
    <r>
      <rPr>
        <sz val="11"/>
        <color theme="1"/>
        <rFont val="Calibri"/>
        <family val="2"/>
        <scheme val="minor"/>
      </rPr>
      <t xml:space="preserve"> AIR construction or occupancy codes will be inferred from other columns of the exposure data at runtime, while a row with an </t>
    </r>
    <r>
      <rPr>
        <i/>
        <sz val="11"/>
        <color theme="1"/>
        <rFont val="Calibri"/>
        <family val="2"/>
        <scheme val="minor"/>
      </rPr>
      <t xml:space="preserve">unsupported </t>
    </r>
    <r>
      <rPr>
        <sz val="11"/>
        <color theme="1"/>
        <rFont val="Calibri"/>
        <family val="2"/>
        <scheme val="minor"/>
      </rPr>
      <t xml:space="preserve">code may be ignored if the construction or occupancy code is critical to the analysis.
The QuakeNZ model is currently limited to residential occupancy types.
</t>
    </r>
  </si>
  <si>
    <t>Australia/New Zealan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0"/>
      <name val="Calibri"/>
      <family val="2"/>
    </font>
    <font>
      <sz val="11"/>
      <name val="Calibri"/>
      <family val="2"/>
      <scheme val="minor"/>
    </font>
    <font>
      <b/>
      <sz val="12"/>
      <color rgb="FF6A6A6A"/>
      <name val="Roboto"/>
    </font>
    <font>
      <sz val="12"/>
      <color rgb="FF545454"/>
      <name val="Roboto"/>
    </font>
    <font>
      <i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29">
    <xf numFmtId="0" fontId="0" fillId="0" borderId="0" xfId="0"/>
    <xf numFmtId="0" fontId="0" fillId="0" borderId="0" xfId="0"/>
    <xf numFmtId="0" fontId="0" fillId="0" borderId="0" xfId="0" applyAlignment="1"/>
    <xf numFmtId="0" fontId="0" fillId="0" borderId="1" xfId="0" applyBorder="1" applyAlignment="1">
      <alignment vertical="center"/>
    </xf>
    <xf numFmtId="0" fontId="0" fillId="0" borderId="1" xfId="0" applyFill="1" applyBorder="1" applyAlignment="1">
      <alignment vertical="center"/>
    </xf>
    <xf numFmtId="0" fontId="1" fillId="2" borderId="1" xfId="0" applyFont="1" applyFill="1" applyBorder="1" applyAlignment="1">
      <alignment vertical="center" wrapText="1"/>
    </xf>
    <xf numFmtId="0" fontId="1" fillId="2" borderId="1" xfId="0" applyFont="1" applyFill="1" applyBorder="1" applyAlignment="1">
      <alignment vertical="center"/>
    </xf>
    <xf numFmtId="0" fontId="0" fillId="0" borderId="1" xfId="0" applyFill="1" applyBorder="1" applyAlignment="1">
      <alignment horizontal="right" vertical="center"/>
    </xf>
    <xf numFmtId="0" fontId="3" fillId="0" borderId="1" xfId="0" applyFont="1" applyFill="1" applyBorder="1" applyAlignment="1">
      <alignment vertical="center" wrapText="1"/>
    </xf>
    <xf numFmtId="0" fontId="3" fillId="0" borderId="1" xfId="1" applyFont="1" applyFill="1" applyBorder="1" applyAlignment="1" applyProtection="1">
      <alignment vertical="center" wrapText="1"/>
    </xf>
    <xf numFmtId="0" fontId="3" fillId="0" borderId="1" xfId="0" applyFont="1" applyFill="1" applyBorder="1" applyAlignment="1">
      <alignment vertical="center"/>
    </xf>
    <xf numFmtId="0" fontId="3" fillId="0" borderId="1" xfId="0" applyFont="1" applyBorder="1" applyAlignment="1">
      <alignment vertical="center" wrapText="1"/>
    </xf>
    <xf numFmtId="0" fontId="3" fillId="0" borderId="1" xfId="0" applyFont="1" applyBorder="1" applyAlignment="1">
      <alignment vertical="center"/>
    </xf>
    <xf numFmtId="0" fontId="3" fillId="3" borderId="1" xfId="0" applyFont="1" applyFill="1" applyBorder="1" applyAlignment="1">
      <alignment vertical="center" wrapText="1"/>
    </xf>
    <xf numFmtId="0" fontId="0" fillId="0" borderId="0" xfId="0"/>
    <xf numFmtId="0" fontId="0" fillId="0" borderId="1" xfId="0" applyBorder="1"/>
    <xf numFmtId="0" fontId="0" fillId="0" borderId="1" xfId="0" applyFill="1" applyBorder="1" applyAlignment="1">
      <alignment vertical="center" wrapText="1"/>
    </xf>
    <xf numFmtId="0" fontId="3" fillId="0" borderId="1" xfId="0" applyFont="1" applyFill="1" applyBorder="1" applyAlignment="1">
      <alignment horizontal="right" vertical="center"/>
    </xf>
    <xf numFmtId="0" fontId="0" fillId="0" borderId="2" xfId="0" applyBorder="1" applyAlignment="1">
      <alignment horizontal="left" vertical="center" wrapText="1" indent="1"/>
    </xf>
    <xf numFmtId="0" fontId="0" fillId="0" borderId="3" xfId="0" applyBorder="1" applyAlignment="1">
      <alignment horizontal="left" vertical="center" wrapText="1" indent="1"/>
    </xf>
    <xf numFmtId="0" fontId="0" fillId="0" borderId="4" xfId="0" applyBorder="1" applyAlignment="1">
      <alignment horizontal="left" vertical="center" wrapText="1" indent="1"/>
    </xf>
    <xf numFmtId="0" fontId="0" fillId="0" borderId="5" xfId="0" applyBorder="1" applyAlignment="1">
      <alignment horizontal="left" vertical="center" wrapText="1" indent="1"/>
    </xf>
    <xf numFmtId="0" fontId="0" fillId="0" borderId="0" xfId="0" applyBorder="1" applyAlignment="1">
      <alignment horizontal="left" vertical="center" wrapText="1" indent="1"/>
    </xf>
    <xf numFmtId="0" fontId="0" fillId="0" borderId="6" xfId="0" applyBorder="1" applyAlignment="1">
      <alignment horizontal="left" vertical="center" wrapText="1" indent="1"/>
    </xf>
    <xf numFmtId="0" fontId="0" fillId="0" borderId="7" xfId="0" applyBorder="1" applyAlignment="1">
      <alignment horizontal="left" vertical="center" wrapText="1" indent="1"/>
    </xf>
    <xf numFmtId="0" fontId="0" fillId="0" borderId="8" xfId="0" applyBorder="1" applyAlignment="1">
      <alignment horizontal="left" vertical="center" wrapText="1" indent="1"/>
    </xf>
    <xf numFmtId="0" fontId="0" fillId="0" borderId="9" xfId="0" applyBorder="1" applyAlignment="1">
      <alignment horizontal="left" vertical="center" wrapText="1" indent="1"/>
    </xf>
    <xf numFmtId="0" fontId="4" fillId="0" borderId="8" xfId="0" applyFont="1" applyBorder="1" applyAlignment="1">
      <alignment horizontal="left" vertical="center"/>
    </xf>
    <xf numFmtId="0" fontId="0" fillId="0" borderId="8" xfId="0" applyBorder="1" applyAlignment="1">
      <alignment horizontal="left" vertical="center"/>
    </xf>
  </cellXfs>
  <cellStyles count="2">
    <cellStyle name="Hyperlink" xfId="1" builtinId="8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4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8</xdr:col>
      <xdr:colOff>152400</xdr:colOff>
      <xdr:row>22</xdr:row>
      <xdr:rowOff>180975</xdr:rowOff>
    </xdr:from>
    <xdr:to>
      <xdr:col>10</xdr:col>
      <xdr:colOff>514350</xdr:colOff>
      <xdr:row>24</xdr:row>
      <xdr:rowOff>95250</xdr:rowOff>
    </xdr:to>
    <xdr:pic>
      <xdr:nvPicPr>
        <xdr:cNvPr id="2" name="Picture 1" descr="C:\Users\i55101\AppData\Local\Temp\SNAGHTML23db9ac4.PN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029200" y="4371975"/>
          <a:ext cx="1581150" cy="2952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104775</xdr:colOff>
      <xdr:row>2</xdr:row>
      <xdr:rowOff>104775</xdr:rowOff>
    </xdr:from>
    <xdr:to>
      <xdr:col>5</xdr:col>
      <xdr:colOff>180974</xdr:colOff>
      <xdr:row>4</xdr:row>
      <xdr:rowOff>52499</xdr:rowOff>
    </xdr:to>
    <xdr:pic>
      <xdr:nvPicPr>
        <xdr:cNvPr id="3" name="Picture 2" descr="C:\Users\i55101\AppData\Local\Temp\SNAGHTML23dc75d7.PNG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14375" y="485775"/>
          <a:ext cx="2514599" cy="32872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K25"/>
  <sheetViews>
    <sheetView showGridLines="0" tabSelected="1" workbookViewId="0">
      <selection activeCell="B3" sqref="B3:K25"/>
    </sheetView>
  </sheetViews>
  <sheetFormatPr defaultColWidth="9.140625" defaultRowHeight="15"/>
  <sheetData>
    <row r="3" spans="2:11" ht="15" customHeight="1">
      <c r="B3" s="18" t="s">
        <v>141</v>
      </c>
      <c r="C3" s="19"/>
      <c r="D3" s="19"/>
      <c r="E3" s="19"/>
      <c r="F3" s="19"/>
      <c r="G3" s="19"/>
      <c r="H3" s="19"/>
      <c r="I3" s="19"/>
      <c r="J3" s="19"/>
      <c r="K3" s="20"/>
    </row>
    <row r="4" spans="2:11">
      <c r="B4" s="21"/>
      <c r="C4" s="22"/>
      <c r="D4" s="22"/>
      <c r="E4" s="22"/>
      <c r="F4" s="22"/>
      <c r="G4" s="22"/>
      <c r="H4" s="22"/>
      <c r="I4" s="22"/>
      <c r="J4" s="22"/>
      <c r="K4" s="23"/>
    </row>
    <row r="5" spans="2:11">
      <c r="B5" s="21"/>
      <c r="C5" s="22"/>
      <c r="D5" s="22"/>
      <c r="E5" s="22"/>
      <c r="F5" s="22"/>
      <c r="G5" s="22"/>
      <c r="H5" s="22"/>
      <c r="I5" s="22"/>
      <c r="J5" s="22"/>
      <c r="K5" s="23"/>
    </row>
    <row r="6" spans="2:11">
      <c r="B6" s="21"/>
      <c r="C6" s="22"/>
      <c r="D6" s="22"/>
      <c r="E6" s="22"/>
      <c r="F6" s="22"/>
      <c r="G6" s="22"/>
      <c r="H6" s="22"/>
      <c r="I6" s="22"/>
      <c r="J6" s="22"/>
      <c r="K6" s="23"/>
    </row>
    <row r="7" spans="2:11">
      <c r="B7" s="21"/>
      <c r="C7" s="22"/>
      <c r="D7" s="22"/>
      <c r="E7" s="22"/>
      <c r="F7" s="22"/>
      <c r="G7" s="22"/>
      <c r="H7" s="22"/>
      <c r="I7" s="22"/>
      <c r="J7" s="22"/>
      <c r="K7" s="23"/>
    </row>
    <row r="8" spans="2:11">
      <c r="B8" s="21"/>
      <c r="C8" s="22"/>
      <c r="D8" s="22"/>
      <c r="E8" s="22"/>
      <c r="F8" s="22"/>
      <c r="G8" s="22"/>
      <c r="H8" s="22"/>
      <c r="I8" s="22"/>
      <c r="J8" s="22"/>
      <c r="K8" s="23"/>
    </row>
    <row r="9" spans="2:11">
      <c r="B9" s="21"/>
      <c r="C9" s="22"/>
      <c r="D9" s="22"/>
      <c r="E9" s="22"/>
      <c r="F9" s="22"/>
      <c r="G9" s="22"/>
      <c r="H9" s="22"/>
      <c r="I9" s="22"/>
      <c r="J9" s="22"/>
      <c r="K9" s="23"/>
    </row>
    <row r="10" spans="2:11">
      <c r="B10" s="21"/>
      <c r="C10" s="22"/>
      <c r="D10" s="22"/>
      <c r="E10" s="22"/>
      <c r="F10" s="22"/>
      <c r="G10" s="22"/>
      <c r="H10" s="22"/>
      <c r="I10" s="22"/>
      <c r="J10" s="22"/>
      <c r="K10" s="23"/>
    </row>
    <row r="11" spans="2:11">
      <c r="B11" s="21"/>
      <c r="C11" s="22"/>
      <c r="D11" s="22"/>
      <c r="E11" s="22"/>
      <c r="F11" s="22"/>
      <c r="G11" s="22"/>
      <c r="H11" s="22"/>
      <c r="I11" s="22"/>
      <c r="J11" s="22"/>
      <c r="K11" s="23"/>
    </row>
    <row r="12" spans="2:11">
      <c r="B12" s="21"/>
      <c r="C12" s="22"/>
      <c r="D12" s="22"/>
      <c r="E12" s="22"/>
      <c r="F12" s="22"/>
      <c r="G12" s="22"/>
      <c r="H12" s="22"/>
      <c r="I12" s="22"/>
      <c r="J12" s="22"/>
      <c r="K12" s="23"/>
    </row>
    <row r="13" spans="2:11">
      <c r="B13" s="21"/>
      <c r="C13" s="22"/>
      <c r="D13" s="22"/>
      <c r="E13" s="22"/>
      <c r="F13" s="22"/>
      <c r="G13" s="22"/>
      <c r="H13" s="22"/>
      <c r="I13" s="22"/>
      <c r="J13" s="22"/>
      <c r="K13" s="23"/>
    </row>
    <row r="14" spans="2:11">
      <c r="B14" s="21"/>
      <c r="C14" s="22"/>
      <c r="D14" s="22"/>
      <c r="E14" s="22"/>
      <c r="F14" s="22"/>
      <c r="G14" s="22"/>
      <c r="H14" s="22"/>
      <c r="I14" s="22"/>
      <c r="J14" s="22"/>
      <c r="K14" s="23"/>
    </row>
    <row r="15" spans="2:11">
      <c r="B15" s="21"/>
      <c r="C15" s="22"/>
      <c r="D15" s="22"/>
      <c r="E15" s="22"/>
      <c r="F15" s="22"/>
      <c r="G15" s="22"/>
      <c r="H15" s="22"/>
      <c r="I15" s="22"/>
      <c r="J15" s="22"/>
      <c r="K15" s="23"/>
    </row>
    <row r="16" spans="2:11">
      <c r="B16" s="21"/>
      <c r="C16" s="22"/>
      <c r="D16" s="22"/>
      <c r="E16" s="22"/>
      <c r="F16" s="22"/>
      <c r="G16" s="22"/>
      <c r="H16" s="22"/>
      <c r="I16" s="22"/>
      <c r="J16" s="22"/>
      <c r="K16" s="23"/>
    </row>
    <row r="17" spans="2:11">
      <c r="B17" s="21"/>
      <c r="C17" s="22"/>
      <c r="D17" s="22"/>
      <c r="E17" s="22"/>
      <c r="F17" s="22"/>
      <c r="G17" s="22"/>
      <c r="H17" s="22"/>
      <c r="I17" s="22"/>
      <c r="J17" s="22"/>
      <c r="K17" s="23"/>
    </row>
    <row r="18" spans="2:11">
      <c r="B18" s="21"/>
      <c r="C18" s="22"/>
      <c r="D18" s="22"/>
      <c r="E18" s="22"/>
      <c r="F18" s="22"/>
      <c r="G18" s="22"/>
      <c r="H18" s="22"/>
      <c r="I18" s="22"/>
      <c r="J18" s="22"/>
      <c r="K18" s="23"/>
    </row>
    <row r="19" spans="2:11">
      <c r="B19" s="21"/>
      <c r="C19" s="22"/>
      <c r="D19" s="22"/>
      <c r="E19" s="22"/>
      <c r="F19" s="22"/>
      <c r="G19" s="22"/>
      <c r="H19" s="22"/>
      <c r="I19" s="22"/>
      <c r="J19" s="22"/>
      <c r="K19" s="23"/>
    </row>
    <row r="20" spans="2:11">
      <c r="B20" s="21"/>
      <c r="C20" s="22"/>
      <c r="D20" s="22"/>
      <c r="E20" s="22"/>
      <c r="F20" s="22"/>
      <c r="G20" s="22"/>
      <c r="H20" s="22"/>
      <c r="I20" s="22"/>
      <c r="J20" s="22"/>
      <c r="K20" s="23"/>
    </row>
    <row r="21" spans="2:11">
      <c r="B21" s="21"/>
      <c r="C21" s="22"/>
      <c r="D21" s="22"/>
      <c r="E21" s="22"/>
      <c r="F21" s="22"/>
      <c r="G21" s="22"/>
      <c r="H21" s="22"/>
      <c r="I21" s="22"/>
      <c r="J21" s="22"/>
      <c r="K21" s="23"/>
    </row>
    <row r="22" spans="2:11">
      <c r="B22" s="21"/>
      <c r="C22" s="22"/>
      <c r="D22" s="22"/>
      <c r="E22" s="22"/>
      <c r="F22" s="22"/>
      <c r="G22" s="22"/>
      <c r="H22" s="22"/>
      <c r="I22" s="22"/>
      <c r="J22" s="22"/>
      <c r="K22" s="23"/>
    </row>
    <row r="23" spans="2:11">
      <c r="B23" s="21"/>
      <c r="C23" s="22"/>
      <c r="D23" s="22"/>
      <c r="E23" s="22"/>
      <c r="F23" s="22"/>
      <c r="G23" s="22"/>
      <c r="H23" s="22"/>
      <c r="I23" s="22"/>
      <c r="J23" s="22"/>
      <c r="K23" s="23"/>
    </row>
    <row r="24" spans="2:11">
      <c r="B24" s="21"/>
      <c r="C24" s="22"/>
      <c r="D24" s="22"/>
      <c r="E24" s="22"/>
      <c r="F24" s="22"/>
      <c r="G24" s="22"/>
      <c r="H24" s="22"/>
      <c r="I24" s="22"/>
      <c r="J24" s="22"/>
      <c r="K24" s="23"/>
    </row>
    <row r="25" spans="2:11">
      <c r="B25" s="24"/>
      <c r="C25" s="25"/>
      <c r="D25" s="25"/>
      <c r="E25" s="25"/>
      <c r="F25" s="25"/>
      <c r="G25" s="25"/>
      <c r="H25" s="25"/>
      <c r="I25" s="25"/>
      <c r="J25" s="25"/>
      <c r="K25" s="26"/>
    </row>
  </sheetData>
  <mergeCells count="1">
    <mergeCell ref="B3:K25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9"/>
  <sheetViews>
    <sheetView zoomScaleNormal="100" workbookViewId="0">
      <pane ySplit="2" topLeftCell="A35" activePane="bottomLeft" state="frozen"/>
      <selection pane="bottomLeft" activeCell="B42" sqref="B42"/>
    </sheetView>
  </sheetViews>
  <sheetFormatPr defaultColWidth="9.140625" defaultRowHeight="15"/>
  <cols>
    <col min="1" max="1" width="27.140625" style="2" bestFit="1" customWidth="1"/>
    <col min="2" max="2" width="47.7109375" style="2" bestFit="1" customWidth="1"/>
    <col min="3" max="3" width="34.28515625" style="2" bestFit="1" customWidth="1"/>
    <col min="4" max="4" width="67.42578125" style="2" bestFit="1" customWidth="1"/>
    <col min="5" max="5" width="25.5703125" style="2" bestFit="1" customWidth="1"/>
    <col min="6" max="16384" width="9.140625" style="2"/>
  </cols>
  <sheetData>
    <row r="1" spans="1:5" ht="31.5" customHeight="1">
      <c r="A1" s="27" t="s">
        <v>137</v>
      </c>
      <c r="B1" s="28"/>
      <c r="C1" s="28"/>
      <c r="D1" s="28"/>
      <c r="E1" s="28"/>
    </row>
    <row r="2" spans="1:5" ht="28.5" customHeight="1">
      <c r="A2" s="6" t="s">
        <v>85</v>
      </c>
      <c r="B2" s="6" t="s">
        <v>10</v>
      </c>
      <c r="C2" s="5" t="s">
        <v>112</v>
      </c>
      <c r="D2" s="6" t="s">
        <v>113</v>
      </c>
      <c r="E2" s="6" t="s">
        <v>138</v>
      </c>
    </row>
    <row r="3" spans="1:5" ht="15" customHeight="1">
      <c r="A3" s="11" t="s">
        <v>0</v>
      </c>
      <c r="B3" s="11" t="s">
        <v>0</v>
      </c>
      <c r="C3" s="8">
        <v>0</v>
      </c>
      <c r="D3" s="4" t="s">
        <v>0</v>
      </c>
      <c r="E3" s="4"/>
    </row>
    <row r="4" spans="1:5">
      <c r="A4" s="11" t="s">
        <v>1</v>
      </c>
      <c r="B4" s="11" t="s">
        <v>69</v>
      </c>
      <c r="C4" s="8">
        <v>1</v>
      </c>
      <c r="D4" s="10" t="s">
        <v>88</v>
      </c>
      <c r="E4" s="17" t="s">
        <v>89</v>
      </c>
    </row>
    <row r="5" spans="1:5">
      <c r="A5" s="11" t="s">
        <v>1</v>
      </c>
      <c r="B5" s="11" t="s">
        <v>102</v>
      </c>
      <c r="C5" s="8">
        <v>1</v>
      </c>
      <c r="D5" s="10" t="s">
        <v>96</v>
      </c>
      <c r="E5" s="17" t="s">
        <v>89</v>
      </c>
    </row>
    <row r="6" spans="1:5">
      <c r="A6" s="11" t="s">
        <v>1</v>
      </c>
      <c r="B6" s="11" t="s">
        <v>103</v>
      </c>
      <c r="C6" s="8">
        <v>1</v>
      </c>
      <c r="D6" s="10" t="s">
        <v>96</v>
      </c>
      <c r="E6" s="17" t="s">
        <v>89</v>
      </c>
    </row>
    <row r="7" spans="1:5">
      <c r="A7" s="11" t="s">
        <v>1</v>
      </c>
      <c r="B7" s="11" t="s">
        <v>104</v>
      </c>
      <c r="C7" s="8">
        <v>1</v>
      </c>
      <c r="D7" s="10" t="s">
        <v>96</v>
      </c>
      <c r="E7" s="17" t="s">
        <v>89</v>
      </c>
    </row>
    <row r="8" spans="1:5">
      <c r="A8" s="11" t="s">
        <v>1</v>
      </c>
      <c r="B8" s="11" t="s">
        <v>105</v>
      </c>
      <c r="C8" s="8">
        <v>1</v>
      </c>
      <c r="D8" s="10" t="s">
        <v>96</v>
      </c>
      <c r="E8" s="17" t="s">
        <v>89</v>
      </c>
    </row>
    <row r="9" spans="1:5">
      <c r="A9" s="11" t="s">
        <v>2</v>
      </c>
      <c r="B9" s="11" t="s">
        <v>2</v>
      </c>
      <c r="C9" s="8">
        <v>34</v>
      </c>
      <c r="D9" s="4" t="s">
        <v>90</v>
      </c>
      <c r="E9" s="7" t="s">
        <v>91</v>
      </c>
    </row>
    <row r="10" spans="1:5" ht="15" customHeight="1">
      <c r="A10" s="11" t="s">
        <v>2</v>
      </c>
      <c r="B10" s="11" t="s">
        <v>3</v>
      </c>
      <c r="C10" s="4">
        <v>34</v>
      </c>
      <c r="D10" s="4" t="s">
        <v>96</v>
      </c>
      <c r="E10" s="17" t="s">
        <v>91</v>
      </c>
    </row>
    <row r="11" spans="1:5" ht="15" customHeight="1">
      <c r="A11" s="11" t="s">
        <v>2</v>
      </c>
      <c r="B11" s="11" t="s">
        <v>11</v>
      </c>
      <c r="C11" s="4">
        <v>34</v>
      </c>
      <c r="D11" s="4" t="s">
        <v>96</v>
      </c>
      <c r="E11" s="17" t="s">
        <v>91</v>
      </c>
    </row>
    <row r="12" spans="1:5" ht="15" customHeight="1">
      <c r="A12" s="11" t="s">
        <v>2</v>
      </c>
      <c r="B12" s="11" t="s">
        <v>12</v>
      </c>
      <c r="C12" s="4">
        <v>34</v>
      </c>
      <c r="D12" s="4" t="s">
        <v>96</v>
      </c>
      <c r="E12" s="7" t="s">
        <v>91</v>
      </c>
    </row>
    <row r="13" spans="1:5" ht="15" customHeight="1">
      <c r="A13" s="11" t="s">
        <v>2</v>
      </c>
      <c r="B13" s="11" t="s">
        <v>139</v>
      </c>
      <c r="C13" s="4">
        <v>34</v>
      </c>
      <c r="D13" s="4" t="s">
        <v>96</v>
      </c>
      <c r="E13" s="7" t="s">
        <v>91</v>
      </c>
    </row>
    <row r="14" spans="1:5" ht="60">
      <c r="A14" s="11" t="s">
        <v>2</v>
      </c>
      <c r="B14" s="11" t="s">
        <v>13</v>
      </c>
      <c r="C14" s="7" t="s">
        <v>92</v>
      </c>
      <c r="D14" s="16" t="s">
        <v>93</v>
      </c>
      <c r="E14" s="7" t="s">
        <v>94</v>
      </c>
    </row>
    <row r="15" spans="1:5" ht="15" customHeight="1">
      <c r="A15" s="11" t="s">
        <v>2</v>
      </c>
      <c r="B15" s="11" t="s">
        <v>95</v>
      </c>
      <c r="C15" s="7" t="s">
        <v>92</v>
      </c>
      <c r="D15" s="4" t="s">
        <v>96</v>
      </c>
      <c r="E15" s="7" t="s">
        <v>94</v>
      </c>
    </row>
    <row r="16" spans="1:5" ht="15" customHeight="1">
      <c r="A16" s="11" t="s">
        <v>2</v>
      </c>
      <c r="B16" s="11" t="s">
        <v>97</v>
      </c>
      <c r="C16" s="7" t="s">
        <v>92</v>
      </c>
      <c r="D16" s="10" t="s">
        <v>96</v>
      </c>
      <c r="E16" s="7" t="s">
        <v>94</v>
      </c>
    </row>
    <row r="17" spans="1:5" ht="15" customHeight="1">
      <c r="A17" s="11" t="s">
        <v>2</v>
      </c>
      <c r="B17" s="11" t="s">
        <v>98</v>
      </c>
      <c r="C17" s="7" t="s">
        <v>92</v>
      </c>
      <c r="D17" s="10" t="s">
        <v>96</v>
      </c>
      <c r="E17" s="7" t="s">
        <v>94</v>
      </c>
    </row>
    <row r="18" spans="1:5" ht="15" customHeight="1">
      <c r="A18" s="11" t="s">
        <v>2</v>
      </c>
      <c r="B18" s="11" t="s">
        <v>4</v>
      </c>
      <c r="C18" s="7" t="s">
        <v>92</v>
      </c>
      <c r="D18" s="10" t="s">
        <v>96</v>
      </c>
      <c r="E18" s="7" t="s">
        <v>94</v>
      </c>
    </row>
    <row r="19" spans="1:5" ht="30">
      <c r="A19" s="11" t="s">
        <v>2</v>
      </c>
      <c r="B19" s="11" t="s">
        <v>99</v>
      </c>
      <c r="C19" s="4">
        <v>30</v>
      </c>
      <c r="D19" s="16" t="s">
        <v>100</v>
      </c>
      <c r="E19" s="7" t="s">
        <v>101</v>
      </c>
    </row>
    <row r="20" spans="1:5">
      <c r="A20" s="11" t="s">
        <v>5</v>
      </c>
      <c r="B20" s="11" t="s">
        <v>14</v>
      </c>
      <c r="C20" s="4">
        <v>0</v>
      </c>
      <c r="D20" s="16" t="s">
        <v>106</v>
      </c>
      <c r="E20" s="7"/>
    </row>
    <row r="21" spans="1:5" ht="15" customHeight="1">
      <c r="A21" s="11" t="s">
        <v>5</v>
      </c>
      <c r="B21" s="11" t="s">
        <v>15</v>
      </c>
      <c r="C21" s="4">
        <v>17</v>
      </c>
      <c r="D21" s="10" t="s">
        <v>107</v>
      </c>
      <c r="E21" s="17" t="s">
        <v>108</v>
      </c>
    </row>
    <row r="22" spans="1:5" ht="15" customHeight="1">
      <c r="A22" s="11" t="s">
        <v>5</v>
      </c>
      <c r="B22" s="11" t="s">
        <v>16</v>
      </c>
      <c r="C22" s="4">
        <v>0</v>
      </c>
      <c r="D22" s="10" t="s">
        <v>106</v>
      </c>
      <c r="E22" s="17"/>
    </row>
    <row r="23" spans="1:5" ht="15" customHeight="1">
      <c r="A23" s="11" t="s">
        <v>5</v>
      </c>
      <c r="B23" s="13" t="s">
        <v>70</v>
      </c>
      <c r="C23" s="4">
        <v>17</v>
      </c>
      <c r="D23" s="10" t="s">
        <v>107</v>
      </c>
      <c r="E23" s="17" t="s">
        <v>108</v>
      </c>
    </row>
    <row r="24" spans="1:5" ht="15" customHeight="1">
      <c r="A24" s="11" t="s">
        <v>5</v>
      </c>
      <c r="B24" s="13" t="s">
        <v>71</v>
      </c>
      <c r="C24" s="4">
        <v>0</v>
      </c>
      <c r="D24" s="10" t="s">
        <v>106</v>
      </c>
      <c r="E24" s="17"/>
    </row>
    <row r="25" spans="1:5" ht="15" customHeight="1">
      <c r="A25" s="11" t="s">
        <v>5</v>
      </c>
      <c r="B25" s="13" t="s">
        <v>109</v>
      </c>
      <c r="C25" s="4">
        <v>0</v>
      </c>
      <c r="D25" s="10" t="s">
        <v>106</v>
      </c>
      <c r="E25" s="17"/>
    </row>
    <row r="26" spans="1:5" ht="15" customHeight="1">
      <c r="A26" s="11" t="s">
        <v>5</v>
      </c>
      <c r="B26" s="11" t="s">
        <v>17</v>
      </c>
      <c r="C26" s="4">
        <v>0</v>
      </c>
      <c r="D26" s="10" t="s">
        <v>106</v>
      </c>
      <c r="E26" s="17"/>
    </row>
    <row r="27" spans="1:5" ht="15" customHeight="1">
      <c r="A27" s="11" t="s">
        <v>5</v>
      </c>
      <c r="B27" s="11" t="s">
        <v>72</v>
      </c>
      <c r="C27" s="4">
        <v>0</v>
      </c>
      <c r="D27" s="10" t="s">
        <v>106</v>
      </c>
      <c r="E27" s="17"/>
    </row>
    <row r="28" spans="1:5" ht="15" customHeight="1">
      <c r="A28" s="11" t="s">
        <v>5</v>
      </c>
      <c r="B28" s="11" t="s">
        <v>18</v>
      </c>
      <c r="C28" s="4">
        <v>17</v>
      </c>
      <c r="D28" s="10" t="s">
        <v>107</v>
      </c>
      <c r="E28" s="17" t="s">
        <v>108</v>
      </c>
    </row>
    <row r="29" spans="1:5" ht="15" customHeight="1">
      <c r="A29" s="11" t="s">
        <v>5</v>
      </c>
      <c r="B29" s="11" t="s">
        <v>19</v>
      </c>
      <c r="C29" s="4">
        <v>17</v>
      </c>
      <c r="D29" s="10" t="s">
        <v>107</v>
      </c>
      <c r="E29" s="17" t="s">
        <v>108</v>
      </c>
    </row>
    <row r="30" spans="1:5" ht="15" customHeight="1">
      <c r="A30" s="11" t="s">
        <v>6</v>
      </c>
      <c r="B30" s="11" t="s">
        <v>6</v>
      </c>
      <c r="C30" s="4">
        <v>0</v>
      </c>
      <c r="D30" s="4" t="s">
        <v>106</v>
      </c>
      <c r="E30" s="7"/>
    </row>
    <row r="31" spans="1:5" ht="15" customHeight="1">
      <c r="A31" s="11" t="s">
        <v>6</v>
      </c>
      <c r="B31" s="11" t="s">
        <v>20</v>
      </c>
      <c r="C31" s="4">
        <v>0</v>
      </c>
      <c r="D31" s="10" t="s">
        <v>106</v>
      </c>
      <c r="E31" s="17"/>
    </row>
    <row r="32" spans="1:5" ht="15" customHeight="1">
      <c r="A32" s="11" t="s">
        <v>6</v>
      </c>
      <c r="B32" s="11" t="s">
        <v>21</v>
      </c>
      <c r="C32" s="8">
        <v>0</v>
      </c>
      <c r="D32" s="10" t="s">
        <v>106</v>
      </c>
      <c r="E32" s="17"/>
    </row>
    <row r="33" spans="1:5" ht="15" customHeight="1">
      <c r="A33" s="11" t="s">
        <v>6</v>
      </c>
      <c r="B33" s="13" t="s">
        <v>73</v>
      </c>
      <c r="C33" s="4">
        <v>4</v>
      </c>
      <c r="D33" s="4" t="s">
        <v>110</v>
      </c>
      <c r="E33" s="7" t="s">
        <v>111</v>
      </c>
    </row>
    <row r="34" spans="1:5" ht="15" customHeight="1">
      <c r="A34" s="11" t="s">
        <v>6</v>
      </c>
      <c r="B34" s="13" t="s">
        <v>74</v>
      </c>
      <c r="C34" s="4">
        <v>4</v>
      </c>
      <c r="D34" s="4" t="s">
        <v>96</v>
      </c>
      <c r="E34" s="7" t="s">
        <v>111</v>
      </c>
    </row>
    <row r="35" spans="1:5" ht="15" customHeight="1">
      <c r="A35" s="11" t="s">
        <v>6</v>
      </c>
      <c r="B35" s="11" t="s">
        <v>7</v>
      </c>
      <c r="C35" s="4">
        <v>4</v>
      </c>
      <c r="D35" s="4" t="s">
        <v>96</v>
      </c>
      <c r="E35" s="7" t="s">
        <v>111</v>
      </c>
    </row>
    <row r="36" spans="1:5" ht="15" customHeight="1">
      <c r="A36" s="11" t="s">
        <v>6</v>
      </c>
      <c r="B36" s="11" t="s">
        <v>22</v>
      </c>
      <c r="C36" s="4">
        <v>0</v>
      </c>
      <c r="D36" s="4" t="s">
        <v>106</v>
      </c>
      <c r="E36" s="7"/>
    </row>
    <row r="37" spans="1:5" ht="15" customHeight="1">
      <c r="A37" s="11" t="s">
        <v>6</v>
      </c>
      <c r="B37" s="11" t="s">
        <v>23</v>
      </c>
      <c r="C37" s="4">
        <v>0</v>
      </c>
      <c r="D37" s="4" t="s">
        <v>106</v>
      </c>
      <c r="E37" s="7"/>
    </row>
    <row r="38" spans="1:5" ht="15" customHeight="1">
      <c r="A38" s="11" t="s">
        <v>6</v>
      </c>
      <c r="B38" s="13" t="s">
        <v>75</v>
      </c>
      <c r="C38" s="4">
        <v>0</v>
      </c>
      <c r="D38" s="4" t="s">
        <v>106</v>
      </c>
      <c r="E38" s="7"/>
    </row>
    <row r="39" spans="1:5" ht="15" customHeight="1">
      <c r="A39" s="11" t="s">
        <v>114</v>
      </c>
      <c r="B39" s="11" t="s">
        <v>115</v>
      </c>
      <c r="C39" s="4"/>
      <c r="D39" s="10" t="s">
        <v>116</v>
      </c>
      <c r="E39" s="17"/>
    </row>
    <row r="40" spans="1:5" ht="15" customHeight="1">
      <c r="A40" s="11" t="s">
        <v>114</v>
      </c>
      <c r="B40" s="11" t="s">
        <v>117</v>
      </c>
      <c r="C40" s="4"/>
      <c r="D40" s="10" t="s">
        <v>116</v>
      </c>
      <c r="E40" s="17"/>
    </row>
    <row r="41" spans="1:5" ht="15" customHeight="1">
      <c r="A41" s="11" t="s">
        <v>114</v>
      </c>
      <c r="B41" s="11" t="s">
        <v>140</v>
      </c>
      <c r="C41" s="4"/>
      <c r="D41" s="10" t="s">
        <v>116</v>
      </c>
      <c r="E41" s="17"/>
    </row>
    <row r="42" spans="1:5" ht="15" customHeight="1">
      <c r="A42" s="11" t="s">
        <v>8</v>
      </c>
      <c r="B42" s="11" t="s">
        <v>8</v>
      </c>
      <c r="C42" s="4"/>
      <c r="D42" s="10" t="s">
        <v>116</v>
      </c>
      <c r="E42" s="17"/>
    </row>
    <row r="43" spans="1:5" ht="15" customHeight="1">
      <c r="A43" s="11" t="s">
        <v>8</v>
      </c>
      <c r="B43" s="11" t="s">
        <v>118</v>
      </c>
      <c r="C43" s="4"/>
      <c r="D43" s="10" t="s">
        <v>116</v>
      </c>
      <c r="E43" s="17"/>
    </row>
    <row r="44" spans="1:5" ht="15" customHeight="1">
      <c r="A44" s="11" t="s">
        <v>8</v>
      </c>
      <c r="B44" s="11" t="s">
        <v>119</v>
      </c>
      <c r="C44" s="4"/>
      <c r="D44" s="10" t="s">
        <v>116</v>
      </c>
      <c r="E44" s="17"/>
    </row>
    <row r="45" spans="1:5" ht="15" customHeight="1">
      <c r="A45" s="11" t="s">
        <v>8</v>
      </c>
      <c r="B45" s="11" t="s">
        <v>120</v>
      </c>
      <c r="C45" s="4"/>
      <c r="D45" s="10" t="s">
        <v>116</v>
      </c>
      <c r="E45" s="17"/>
    </row>
    <row r="46" spans="1:5" ht="15" customHeight="1">
      <c r="A46" s="12" t="s">
        <v>9</v>
      </c>
      <c r="B46" s="12" t="s">
        <v>9</v>
      </c>
      <c r="C46" s="7" t="s">
        <v>121</v>
      </c>
      <c r="D46" s="10" t="s">
        <v>122</v>
      </c>
      <c r="E46" s="17"/>
    </row>
    <row r="47" spans="1:5" ht="15" customHeight="1">
      <c r="A47" s="12" t="s">
        <v>123</v>
      </c>
      <c r="B47" s="12" t="s">
        <v>124</v>
      </c>
      <c r="C47" s="4"/>
      <c r="D47" s="10" t="s">
        <v>116</v>
      </c>
      <c r="E47" s="17"/>
    </row>
    <row r="48" spans="1:5" ht="15" customHeight="1">
      <c r="A48" s="12" t="s">
        <v>123</v>
      </c>
      <c r="B48" s="12" t="s">
        <v>125</v>
      </c>
      <c r="C48" s="4"/>
      <c r="D48" s="10" t="s">
        <v>116</v>
      </c>
      <c r="E48" s="17"/>
    </row>
    <row r="49" spans="1:5" ht="15" customHeight="1">
      <c r="A49" s="12" t="s">
        <v>123</v>
      </c>
      <c r="B49" s="12" t="s">
        <v>126</v>
      </c>
      <c r="C49" s="4"/>
      <c r="D49" s="10" t="s">
        <v>116</v>
      </c>
      <c r="E49" s="17"/>
    </row>
  </sheetData>
  <autoFilter ref="B2:D49"/>
  <mergeCells count="1">
    <mergeCell ref="A1:E1"/>
  </mergeCells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2"/>
  <sheetViews>
    <sheetView zoomScaleNormal="100" workbookViewId="0">
      <pane ySplit="1" topLeftCell="A17" activePane="bottomLeft" state="frozen"/>
      <selection pane="bottomLeft" activeCell="C8" sqref="C8"/>
    </sheetView>
  </sheetViews>
  <sheetFormatPr defaultColWidth="9.140625" defaultRowHeight="15"/>
  <cols>
    <col min="1" max="1" width="21.28515625" customWidth="1"/>
    <col min="2" max="2" width="21.7109375" style="14" bestFit="1" customWidth="1"/>
    <col min="3" max="3" width="24.85546875" bestFit="1" customWidth="1"/>
    <col min="4" max="4" width="49" bestFit="1" customWidth="1"/>
    <col min="5" max="5" width="30.7109375" bestFit="1" customWidth="1"/>
    <col min="6" max="6" width="34.140625" bestFit="1" customWidth="1"/>
  </cols>
  <sheetData>
    <row r="1" spans="1:6" ht="15" customHeight="1">
      <c r="A1" s="6" t="s">
        <v>86</v>
      </c>
      <c r="B1" s="6" t="s">
        <v>129</v>
      </c>
      <c r="C1" s="6" t="s">
        <v>43</v>
      </c>
      <c r="D1" s="6" t="s">
        <v>44</v>
      </c>
      <c r="E1" s="6" t="s">
        <v>127</v>
      </c>
      <c r="F1" s="6" t="s">
        <v>128</v>
      </c>
    </row>
    <row r="2" spans="1:6" ht="15" customHeight="1">
      <c r="A2" s="4">
        <v>300</v>
      </c>
      <c r="B2" s="4" t="s">
        <v>142</v>
      </c>
      <c r="C2" s="15" t="s">
        <v>0</v>
      </c>
      <c r="D2" s="4" t="s">
        <v>0</v>
      </c>
      <c r="E2" s="7"/>
      <c r="F2" s="4" t="s">
        <v>0</v>
      </c>
    </row>
    <row r="3" spans="1:6" ht="15" customHeight="1">
      <c r="A3" s="4">
        <v>301</v>
      </c>
      <c r="B3" s="4" t="s">
        <v>142</v>
      </c>
      <c r="C3" s="15" t="s">
        <v>24</v>
      </c>
      <c r="D3" s="4" t="s">
        <v>45</v>
      </c>
      <c r="E3" s="7">
        <v>1</v>
      </c>
      <c r="F3" s="4" t="s">
        <v>24</v>
      </c>
    </row>
    <row r="4" spans="1:6" ht="15" customHeight="1">
      <c r="A4" s="4">
        <v>302</v>
      </c>
      <c r="B4" s="4" t="s">
        <v>142</v>
      </c>
      <c r="C4" s="15" t="s">
        <v>24</v>
      </c>
      <c r="D4" s="4" t="s">
        <v>131</v>
      </c>
      <c r="E4" s="7">
        <v>1</v>
      </c>
      <c r="F4" s="4" t="s">
        <v>24</v>
      </c>
    </row>
    <row r="5" spans="1:6" ht="15" customHeight="1">
      <c r="A5" s="4">
        <v>303</v>
      </c>
      <c r="B5" s="4" t="s">
        <v>142</v>
      </c>
      <c r="C5" s="15" t="s">
        <v>24</v>
      </c>
      <c r="D5" s="4" t="s">
        <v>132</v>
      </c>
      <c r="E5" s="7">
        <v>1</v>
      </c>
      <c r="F5" s="4" t="s">
        <v>24</v>
      </c>
    </row>
    <row r="6" spans="1:6" ht="15" customHeight="1">
      <c r="A6" s="4">
        <v>304</v>
      </c>
      <c r="B6" s="4" t="s">
        <v>142</v>
      </c>
      <c r="C6" s="15" t="s">
        <v>24</v>
      </c>
      <c r="D6" s="4" t="s">
        <v>46</v>
      </c>
      <c r="E6" s="7">
        <v>1</v>
      </c>
      <c r="F6" s="4" t="s">
        <v>24</v>
      </c>
    </row>
    <row r="7" spans="1:6" ht="15" customHeight="1">
      <c r="A7" s="4">
        <v>305</v>
      </c>
      <c r="B7" s="4" t="s">
        <v>142</v>
      </c>
      <c r="C7" s="15" t="s">
        <v>24</v>
      </c>
      <c r="D7" s="4" t="s">
        <v>47</v>
      </c>
      <c r="E7" s="7">
        <v>1</v>
      </c>
      <c r="F7" s="4" t="s">
        <v>24</v>
      </c>
    </row>
    <row r="8" spans="1:6" ht="15" customHeight="1">
      <c r="A8" s="4">
        <v>306</v>
      </c>
      <c r="B8" s="4" t="s">
        <v>142</v>
      </c>
      <c r="C8" s="15" t="s">
        <v>24</v>
      </c>
      <c r="D8" s="4" t="s">
        <v>48</v>
      </c>
      <c r="E8" s="7">
        <v>1</v>
      </c>
      <c r="F8" s="4" t="s">
        <v>24</v>
      </c>
    </row>
    <row r="9" spans="1:6" ht="15" customHeight="1">
      <c r="A9" s="4">
        <v>311</v>
      </c>
      <c r="B9" s="4" t="s">
        <v>130</v>
      </c>
      <c r="C9" s="15" t="s">
        <v>25</v>
      </c>
      <c r="D9" s="4" t="s">
        <v>49</v>
      </c>
      <c r="E9" s="7">
        <v>2</v>
      </c>
      <c r="F9" s="4" t="s">
        <v>25</v>
      </c>
    </row>
    <row r="10" spans="1:6" ht="15" customHeight="1">
      <c r="A10" s="4">
        <v>312</v>
      </c>
      <c r="B10" s="4" t="s">
        <v>130</v>
      </c>
      <c r="C10" s="15" t="s">
        <v>25</v>
      </c>
      <c r="D10" s="4" t="s">
        <v>50</v>
      </c>
      <c r="E10" s="7">
        <v>2</v>
      </c>
      <c r="F10" s="4" t="s">
        <v>25</v>
      </c>
    </row>
    <row r="11" spans="1:6" ht="15" customHeight="1">
      <c r="A11" s="4">
        <v>313</v>
      </c>
      <c r="B11" s="4" t="s">
        <v>130</v>
      </c>
      <c r="C11" s="15" t="s">
        <v>25</v>
      </c>
      <c r="D11" s="4" t="s">
        <v>51</v>
      </c>
      <c r="E11" s="7">
        <v>2</v>
      </c>
      <c r="F11" s="4" t="s">
        <v>25</v>
      </c>
    </row>
    <row r="12" spans="1:6" ht="15" customHeight="1">
      <c r="A12" s="4">
        <v>314</v>
      </c>
      <c r="B12" s="4" t="s">
        <v>130</v>
      </c>
      <c r="C12" s="15" t="s">
        <v>25</v>
      </c>
      <c r="D12" s="4" t="s">
        <v>52</v>
      </c>
      <c r="E12" s="7">
        <v>2</v>
      </c>
      <c r="F12" s="4" t="s">
        <v>25</v>
      </c>
    </row>
    <row r="13" spans="1:6" ht="15" customHeight="1">
      <c r="A13" s="4">
        <v>315</v>
      </c>
      <c r="B13" s="4" t="s">
        <v>130</v>
      </c>
      <c r="C13" s="15" t="s">
        <v>25</v>
      </c>
      <c r="D13" s="4" t="s">
        <v>53</v>
      </c>
      <c r="E13" s="7">
        <v>2</v>
      </c>
      <c r="F13" s="4" t="s">
        <v>25</v>
      </c>
    </row>
    <row r="14" spans="1:6" ht="15" customHeight="1">
      <c r="A14" s="4">
        <v>316</v>
      </c>
      <c r="B14" s="4" t="s">
        <v>130</v>
      </c>
      <c r="C14" s="15" t="s">
        <v>25</v>
      </c>
      <c r="D14" s="4" t="s">
        <v>54</v>
      </c>
      <c r="E14" s="7">
        <v>2</v>
      </c>
      <c r="F14" s="4" t="s">
        <v>25</v>
      </c>
    </row>
    <row r="15" spans="1:6" ht="15" customHeight="1">
      <c r="A15" s="4">
        <v>317</v>
      </c>
      <c r="B15" s="4" t="s">
        <v>130</v>
      </c>
      <c r="C15" s="15" t="s">
        <v>25</v>
      </c>
      <c r="D15" s="4" t="s">
        <v>55</v>
      </c>
      <c r="E15" s="7">
        <v>2</v>
      </c>
      <c r="F15" s="4" t="s">
        <v>25</v>
      </c>
    </row>
    <row r="16" spans="1:6" ht="15" customHeight="1">
      <c r="A16" s="4">
        <v>318</v>
      </c>
      <c r="B16" s="4" t="s">
        <v>130</v>
      </c>
      <c r="C16" s="15" t="s">
        <v>25</v>
      </c>
      <c r="D16" s="4" t="s">
        <v>26</v>
      </c>
      <c r="E16" s="7">
        <v>2</v>
      </c>
      <c r="F16" s="4" t="s">
        <v>25</v>
      </c>
    </row>
    <row r="17" spans="1:6">
      <c r="A17" s="9">
        <v>319</v>
      </c>
      <c r="B17" s="9" t="s">
        <v>130</v>
      </c>
      <c r="C17" s="15" t="s">
        <v>25</v>
      </c>
      <c r="D17" s="8" t="s">
        <v>76</v>
      </c>
      <c r="E17" s="4">
        <v>2</v>
      </c>
      <c r="F17" s="4" t="s">
        <v>25</v>
      </c>
    </row>
    <row r="18" spans="1:6" ht="15" customHeight="1">
      <c r="A18" s="4">
        <v>321</v>
      </c>
      <c r="B18" s="4" t="s">
        <v>130</v>
      </c>
      <c r="C18" s="15" t="s">
        <v>27</v>
      </c>
      <c r="D18" s="4" t="s">
        <v>56</v>
      </c>
      <c r="E18" s="7">
        <v>3</v>
      </c>
      <c r="F18" s="4" t="s">
        <v>27</v>
      </c>
    </row>
    <row r="19" spans="1:6" ht="15" customHeight="1">
      <c r="A19" s="4">
        <v>322</v>
      </c>
      <c r="B19" s="4" t="s">
        <v>130</v>
      </c>
      <c r="C19" s="15" t="s">
        <v>27</v>
      </c>
      <c r="D19" s="4" t="s">
        <v>57</v>
      </c>
      <c r="E19" s="7">
        <v>3</v>
      </c>
      <c r="F19" s="4" t="s">
        <v>27</v>
      </c>
    </row>
    <row r="20" spans="1:6" ht="15" customHeight="1">
      <c r="A20" s="4">
        <v>323</v>
      </c>
      <c r="B20" s="4" t="s">
        <v>130</v>
      </c>
      <c r="C20" s="15" t="s">
        <v>27</v>
      </c>
      <c r="D20" s="4" t="s">
        <v>58</v>
      </c>
      <c r="E20" s="7">
        <v>3</v>
      </c>
      <c r="F20" s="4" t="s">
        <v>27</v>
      </c>
    </row>
    <row r="21" spans="1:6" ht="15" customHeight="1">
      <c r="A21" s="4">
        <v>324</v>
      </c>
      <c r="B21" s="4" t="s">
        <v>130</v>
      </c>
      <c r="C21" s="15" t="s">
        <v>27</v>
      </c>
      <c r="D21" s="4" t="s">
        <v>59</v>
      </c>
      <c r="E21" s="7">
        <v>3</v>
      </c>
      <c r="F21" s="4" t="s">
        <v>27</v>
      </c>
    </row>
    <row r="22" spans="1:6" ht="15" customHeight="1">
      <c r="A22" s="4">
        <v>325</v>
      </c>
      <c r="B22" s="4" t="s">
        <v>130</v>
      </c>
      <c r="C22" s="15" t="s">
        <v>27</v>
      </c>
      <c r="D22" s="4" t="s">
        <v>60</v>
      </c>
      <c r="E22" s="7">
        <v>3</v>
      </c>
      <c r="F22" s="4" t="s">
        <v>27</v>
      </c>
    </row>
    <row r="23" spans="1:6" ht="15" customHeight="1">
      <c r="A23" s="4">
        <v>326</v>
      </c>
      <c r="B23" s="4" t="s">
        <v>130</v>
      </c>
      <c r="C23" s="15" t="s">
        <v>27</v>
      </c>
      <c r="D23" s="4" t="s">
        <v>61</v>
      </c>
      <c r="E23" s="7">
        <v>3</v>
      </c>
      <c r="F23" s="4" t="s">
        <v>27</v>
      </c>
    </row>
    <row r="24" spans="1:6" ht="15" customHeight="1">
      <c r="A24" s="4">
        <v>327</v>
      </c>
      <c r="B24" s="4" t="s">
        <v>130</v>
      </c>
      <c r="C24" s="15" t="s">
        <v>27</v>
      </c>
      <c r="D24" s="4" t="s">
        <v>62</v>
      </c>
      <c r="E24" s="7">
        <v>3</v>
      </c>
      <c r="F24" s="4" t="s">
        <v>27</v>
      </c>
    </row>
    <row r="25" spans="1:6" ht="15" customHeight="1">
      <c r="A25" s="4">
        <v>328</v>
      </c>
      <c r="B25" s="4" t="s">
        <v>130</v>
      </c>
      <c r="C25" s="15" t="s">
        <v>27</v>
      </c>
      <c r="D25" s="4" t="s">
        <v>28</v>
      </c>
      <c r="E25" s="7">
        <v>3</v>
      </c>
      <c r="F25" s="4" t="s">
        <v>27</v>
      </c>
    </row>
    <row r="26" spans="1:6" ht="15" customHeight="1">
      <c r="A26" s="4">
        <v>329</v>
      </c>
      <c r="B26" s="4" t="s">
        <v>130</v>
      </c>
      <c r="C26" s="15" t="s">
        <v>27</v>
      </c>
      <c r="D26" s="4" t="s">
        <v>29</v>
      </c>
      <c r="E26" s="7">
        <v>3</v>
      </c>
      <c r="F26" s="4" t="s">
        <v>27</v>
      </c>
    </row>
    <row r="27" spans="1:6" ht="15" customHeight="1">
      <c r="A27" s="4">
        <v>330</v>
      </c>
      <c r="B27" s="4" t="s">
        <v>130</v>
      </c>
      <c r="C27" s="15" t="s">
        <v>27</v>
      </c>
      <c r="D27" s="4" t="s">
        <v>30</v>
      </c>
      <c r="E27" s="7">
        <v>3</v>
      </c>
      <c r="F27" s="4" t="s">
        <v>27</v>
      </c>
    </row>
    <row r="28" spans="1:6" ht="15" customHeight="1">
      <c r="A28" s="4">
        <v>331</v>
      </c>
      <c r="B28" s="4" t="s">
        <v>130</v>
      </c>
      <c r="C28" s="15" t="s">
        <v>31</v>
      </c>
      <c r="D28" s="4" t="s">
        <v>31</v>
      </c>
      <c r="E28" s="7">
        <v>2</v>
      </c>
      <c r="F28" s="4" t="s">
        <v>25</v>
      </c>
    </row>
    <row r="29" spans="1:6" s="1" customFormat="1" ht="15" customHeight="1">
      <c r="A29" s="4">
        <v>341</v>
      </c>
      <c r="B29" s="4" t="s">
        <v>130</v>
      </c>
      <c r="C29" s="15" t="s">
        <v>63</v>
      </c>
      <c r="D29" s="8" t="s">
        <v>63</v>
      </c>
      <c r="E29" s="4">
        <v>2</v>
      </c>
      <c r="F29" s="4" t="s">
        <v>25</v>
      </c>
    </row>
    <row r="30" spans="1:6" s="1" customFormat="1" ht="15" customHeight="1">
      <c r="A30" s="4">
        <v>342</v>
      </c>
      <c r="B30" s="4" t="s">
        <v>130</v>
      </c>
      <c r="C30" s="15" t="s">
        <v>63</v>
      </c>
      <c r="D30" s="8" t="s">
        <v>32</v>
      </c>
      <c r="E30" s="4">
        <v>2</v>
      </c>
      <c r="F30" s="4" t="s">
        <v>25</v>
      </c>
    </row>
    <row r="31" spans="1:6" ht="15" customHeight="1">
      <c r="A31" s="4">
        <v>343</v>
      </c>
      <c r="B31" s="4" t="s">
        <v>130</v>
      </c>
      <c r="C31" s="15" t="s">
        <v>133</v>
      </c>
      <c r="D31" s="4" t="s">
        <v>134</v>
      </c>
      <c r="E31" s="7">
        <v>2</v>
      </c>
      <c r="F31" s="4" t="s">
        <v>25</v>
      </c>
    </row>
    <row r="32" spans="1:6" ht="15" customHeight="1">
      <c r="A32" s="4">
        <v>344</v>
      </c>
      <c r="B32" s="4" t="s">
        <v>130</v>
      </c>
      <c r="C32" s="15" t="s">
        <v>133</v>
      </c>
      <c r="D32" s="4" t="s">
        <v>33</v>
      </c>
      <c r="E32" s="7">
        <v>2</v>
      </c>
      <c r="F32" s="4" t="s">
        <v>25</v>
      </c>
    </row>
    <row r="33" spans="1:6" ht="15" customHeight="1">
      <c r="A33" s="4">
        <v>345</v>
      </c>
      <c r="B33" s="4" t="s">
        <v>130</v>
      </c>
      <c r="C33" s="15" t="s">
        <v>34</v>
      </c>
      <c r="D33" s="4" t="s">
        <v>87</v>
      </c>
      <c r="E33" s="7">
        <v>2</v>
      </c>
      <c r="F33" s="4" t="s">
        <v>25</v>
      </c>
    </row>
    <row r="34" spans="1:6" s="1" customFormat="1" ht="15" customHeight="1">
      <c r="A34" s="9">
        <v>351</v>
      </c>
      <c r="B34" s="9" t="s">
        <v>130</v>
      </c>
      <c r="C34" s="15" t="s">
        <v>35</v>
      </c>
      <c r="D34" s="8" t="s">
        <v>36</v>
      </c>
      <c r="E34" s="7"/>
      <c r="F34" s="4" t="s">
        <v>116</v>
      </c>
    </row>
    <row r="35" spans="1:6" ht="15" customHeight="1">
      <c r="A35" s="4">
        <v>352</v>
      </c>
      <c r="B35" s="4" t="s">
        <v>130</v>
      </c>
      <c r="C35" s="15" t="s">
        <v>35</v>
      </c>
      <c r="D35" s="4" t="s">
        <v>37</v>
      </c>
      <c r="E35" s="7"/>
      <c r="F35" s="4" t="s">
        <v>116</v>
      </c>
    </row>
    <row r="36" spans="1:6" ht="15" customHeight="1">
      <c r="A36" s="4">
        <v>353</v>
      </c>
      <c r="B36" s="4" t="s">
        <v>130</v>
      </c>
      <c r="C36" s="15" t="s">
        <v>35</v>
      </c>
      <c r="D36" s="4" t="s">
        <v>38</v>
      </c>
      <c r="E36" s="7"/>
      <c r="F36" s="4" t="s">
        <v>116</v>
      </c>
    </row>
    <row r="37" spans="1:6" ht="15" customHeight="1">
      <c r="A37" s="4">
        <v>354</v>
      </c>
      <c r="B37" s="4" t="s">
        <v>130</v>
      </c>
      <c r="C37" s="15" t="s">
        <v>35</v>
      </c>
      <c r="D37" s="4" t="s">
        <v>64</v>
      </c>
      <c r="E37" s="7"/>
      <c r="F37" s="4" t="s">
        <v>116</v>
      </c>
    </row>
    <row r="38" spans="1:6">
      <c r="A38" s="3">
        <v>355</v>
      </c>
      <c r="B38" s="3" t="s">
        <v>130</v>
      </c>
      <c r="C38" s="15" t="s">
        <v>35</v>
      </c>
      <c r="D38" s="8" t="s">
        <v>77</v>
      </c>
      <c r="E38" s="4"/>
      <c r="F38" s="4" t="s">
        <v>116</v>
      </c>
    </row>
    <row r="39" spans="1:6" ht="15" customHeight="1">
      <c r="A39" s="4">
        <v>361</v>
      </c>
      <c r="B39" s="4" t="s">
        <v>130</v>
      </c>
      <c r="C39" s="15" t="s">
        <v>39</v>
      </c>
      <c r="D39" s="4" t="s">
        <v>135</v>
      </c>
      <c r="E39" s="7"/>
      <c r="F39" s="4" t="s">
        <v>116</v>
      </c>
    </row>
    <row r="40" spans="1:6" ht="15" customHeight="1">
      <c r="A40" s="4">
        <v>362</v>
      </c>
      <c r="B40" s="4" t="s">
        <v>130</v>
      </c>
      <c r="C40" s="15" t="s">
        <v>39</v>
      </c>
      <c r="D40" s="4" t="s">
        <v>136</v>
      </c>
      <c r="E40" s="7"/>
      <c r="F40" s="4" t="s">
        <v>116</v>
      </c>
    </row>
    <row r="41" spans="1:6" ht="15" customHeight="1">
      <c r="A41" s="4">
        <v>363</v>
      </c>
      <c r="B41" s="4" t="s">
        <v>130</v>
      </c>
      <c r="C41" s="15" t="s">
        <v>39</v>
      </c>
      <c r="D41" s="4" t="s">
        <v>65</v>
      </c>
      <c r="E41" s="7"/>
      <c r="F41" s="4" t="s">
        <v>116</v>
      </c>
    </row>
    <row r="42" spans="1:6" ht="15" customHeight="1">
      <c r="A42" s="4">
        <v>364</v>
      </c>
      <c r="B42" s="4" t="s">
        <v>130</v>
      </c>
      <c r="C42" s="15" t="s">
        <v>39</v>
      </c>
      <c r="D42" s="4" t="s">
        <v>66</v>
      </c>
      <c r="E42" s="7"/>
      <c r="F42" s="4" t="s">
        <v>116</v>
      </c>
    </row>
    <row r="43" spans="1:6" ht="15" customHeight="1">
      <c r="A43" s="4">
        <v>365</v>
      </c>
      <c r="B43" s="4" t="s">
        <v>130</v>
      </c>
      <c r="C43" s="15" t="s">
        <v>39</v>
      </c>
      <c r="D43" s="4" t="s">
        <v>67</v>
      </c>
      <c r="E43" s="7"/>
      <c r="F43" s="4" t="s">
        <v>116</v>
      </c>
    </row>
    <row r="44" spans="1:6" ht="15" customHeight="1">
      <c r="A44" s="4">
        <v>371</v>
      </c>
      <c r="B44" s="4" t="s">
        <v>130</v>
      </c>
      <c r="C44" s="15" t="s">
        <v>40</v>
      </c>
      <c r="D44" s="4" t="s">
        <v>41</v>
      </c>
      <c r="E44" s="7"/>
      <c r="F44" s="4" t="s">
        <v>116</v>
      </c>
    </row>
    <row r="45" spans="1:6">
      <c r="A45" s="4">
        <v>372</v>
      </c>
      <c r="B45" s="4" t="s">
        <v>130</v>
      </c>
      <c r="C45" s="15" t="s">
        <v>40</v>
      </c>
      <c r="D45" s="4" t="s">
        <v>68</v>
      </c>
      <c r="E45" s="7"/>
      <c r="F45" s="4" t="s">
        <v>116</v>
      </c>
    </row>
    <row r="46" spans="1:6">
      <c r="A46" s="4">
        <v>373</v>
      </c>
      <c r="B46" s="4" t="s">
        <v>130</v>
      </c>
      <c r="C46" s="15" t="s">
        <v>40</v>
      </c>
      <c r="D46" s="4" t="s">
        <v>42</v>
      </c>
      <c r="E46" s="7"/>
      <c r="F46" s="4" t="s">
        <v>116</v>
      </c>
    </row>
    <row r="47" spans="1:6">
      <c r="A47" s="3">
        <v>400</v>
      </c>
      <c r="B47" s="3" t="s">
        <v>130</v>
      </c>
      <c r="C47" s="15" t="s">
        <v>78</v>
      </c>
      <c r="D47" s="8" t="s">
        <v>79</v>
      </c>
      <c r="E47" s="4"/>
      <c r="F47" s="4" t="s">
        <v>116</v>
      </c>
    </row>
    <row r="48" spans="1:6">
      <c r="A48" s="3">
        <v>401</v>
      </c>
      <c r="B48" s="3" t="s">
        <v>130</v>
      </c>
      <c r="C48" s="15" t="s">
        <v>78</v>
      </c>
      <c r="D48" s="8" t="s">
        <v>80</v>
      </c>
      <c r="E48" s="4"/>
      <c r="F48" s="4" t="s">
        <v>116</v>
      </c>
    </row>
    <row r="49" spans="1:6">
      <c r="A49" s="3">
        <v>402</v>
      </c>
      <c r="B49" s="3" t="s">
        <v>130</v>
      </c>
      <c r="C49" s="15" t="s">
        <v>78</v>
      </c>
      <c r="D49" s="8" t="s">
        <v>81</v>
      </c>
      <c r="E49" s="4"/>
      <c r="F49" s="4" t="s">
        <v>116</v>
      </c>
    </row>
    <row r="50" spans="1:6">
      <c r="A50" s="3">
        <v>403</v>
      </c>
      <c r="B50" s="3" t="s">
        <v>130</v>
      </c>
      <c r="C50" s="15" t="s">
        <v>78</v>
      </c>
      <c r="D50" s="8" t="s">
        <v>82</v>
      </c>
      <c r="E50" s="4"/>
      <c r="F50" s="4" t="s">
        <v>116</v>
      </c>
    </row>
    <row r="51" spans="1:6">
      <c r="A51" s="3">
        <v>404</v>
      </c>
      <c r="B51" s="3" t="s">
        <v>130</v>
      </c>
      <c r="C51" s="15" t="s">
        <v>78</v>
      </c>
      <c r="D51" s="8" t="s">
        <v>83</v>
      </c>
      <c r="E51" s="4"/>
      <c r="F51" s="4" t="s">
        <v>116</v>
      </c>
    </row>
    <row r="52" spans="1:6">
      <c r="A52" s="3">
        <v>405</v>
      </c>
      <c r="B52" s="3" t="s">
        <v>130</v>
      </c>
      <c r="C52" s="15" t="s">
        <v>78</v>
      </c>
      <c r="D52" s="8" t="s">
        <v>84</v>
      </c>
      <c r="E52" s="4"/>
      <c r="F52" s="4" t="s">
        <v>116</v>
      </c>
    </row>
  </sheetData>
  <autoFilter ref="A1:F52"/>
  <pageMargins left="0.7" right="0.7" top="0.75" bottom="0.75" header="0.3" footer="0.3"/>
  <pageSetup orientation="portrait" horizontalDpi="4294967295" verticalDpi="4294967295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b6af8860-6bd6-4c41-843d-3bbf7120c669">3MSVSE2HZ6RT-66-1560</_dlc_DocId>
    <_dlc_DocIdUrl xmlns="b6af8860-6bd6-4c41-843d-3bbf7120c669">
      <Url>http://airport/sites/Leonardo/Release1/_layouts/15/DocIdRedir.aspx?ID=3MSVSE2HZ6RT-66-1560</Url>
      <Description>3MSVSE2HZ6RT-66-1560</Description>
    </_dlc_DocIdUrl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503413675342646A967B7E794A1CEC9" ma:contentTypeVersion="1" ma:contentTypeDescription="Create a new document." ma:contentTypeScope="" ma:versionID="a882ae6b9ae028ab5a616311f4cd2567">
  <xsd:schema xmlns:xsd="http://www.w3.org/2001/XMLSchema" xmlns:xs="http://www.w3.org/2001/XMLSchema" xmlns:p="http://schemas.microsoft.com/office/2006/metadata/properties" xmlns:ns2="b6af8860-6bd6-4c41-843d-3bbf7120c669" targetNamespace="http://schemas.microsoft.com/office/2006/metadata/properties" ma:root="true" ma:fieldsID="201f546703b4cdbb66f5daf6d0aa7503" ns2:_="">
    <xsd:import namespace="b6af8860-6bd6-4c41-843d-3bbf7120c669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af8860-6bd6-4c41-843d-3bbf7120c669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4CC8080F-E4BF-44D1-8413-10FFBE4427D8}">
  <ds:schemaRefs>
    <ds:schemaRef ds:uri="http://purl.org/dc/dcmitype/"/>
    <ds:schemaRef ds:uri="b6af8860-6bd6-4c41-843d-3bbf7120c669"/>
    <ds:schemaRef ds:uri="http://www.w3.org/XML/1998/namespace"/>
    <ds:schemaRef ds:uri="http://purl.org/dc/terms/"/>
    <ds:schemaRef ds:uri="http://schemas.microsoft.com/office/2006/documentManagement/types"/>
    <ds:schemaRef ds:uri="http://schemas.microsoft.com/office/2006/metadata/properties"/>
    <ds:schemaRef ds:uri="http://purl.org/dc/elements/1.1/"/>
    <ds:schemaRef ds:uri="http://schemas.microsoft.com/office/infopath/2007/PartnerControls"/>
    <ds:schemaRef ds:uri="http://schemas.openxmlformats.org/package/2006/metadata/core-properties"/>
  </ds:schemaRefs>
</ds:datastoreItem>
</file>

<file path=customXml/itemProps2.xml><?xml version="1.0" encoding="utf-8"?>
<ds:datastoreItem xmlns:ds="http://schemas.openxmlformats.org/officeDocument/2006/customXml" ds:itemID="{4D54FD99-34C5-489A-93AC-88B2E95B091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6af8860-6bd6-4c41-843d-3bbf7120c66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4D68D9B-BCC6-44D4-82CA-84AA404BAF65}">
  <ds:schemaRefs>
    <ds:schemaRef ds:uri="http://schemas.microsoft.com/sharepoint/events"/>
  </ds:schemaRefs>
</ds:datastoreItem>
</file>

<file path=customXml/itemProps4.xml><?xml version="1.0" encoding="utf-8"?>
<ds:datastoreItem xmlns:ds="http://schemas.openxmlformats.org/officeDocument/2006/customXml" ds:itemID="{7CE69A09-1EA1-407C-9994-B5831FEC30D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ReadMe</vt:lpstr>
      <vt:lpstr>AIR_to_RiskFrontiers_Con_Codes</vt:lpstr>
      <vt:lpstr>AIR_to_RiskFrontiers_Occ_Codes</vt:lpstr>
      <vt:lpstr>AIR_to_RiskFrontiers_Occ_Codes!_FilterDatabase</vt:lpstr>
    </vt:vector>
  </TitlesOfParts>
  <Company>AIR Worldwide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IR - Risk Frontiers Code Mapping for Touchstone 5.0</dc:title>
  <dc:creator>AIR Worldwide</dc:creator>
  <cp:lastModifiedBy>Duffy, Lynn</cp:lastModifiedBy>
  <dcterms:created xsi:type="dcterms:W3CDTF">2015-05-11T17:04:34Z</dcterms:created>
  <dcterms:modified xsi:type="dcterms:W3CDTF">2017-05-24T16:18:1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dlc_DocIdItemGuid">
    <vt:lpwstr>6c2846d5-9238-4693-ae32-1983adf54510</vt:lpwstr>
  </property>
  <property fmtid="{D5CDD505-2E9C-101B-9397-08002B2CF9AE}" pid="3" name="ContentTypeId">
    <vt:lpwstr>0x0101007503413675342646A967B7E794A1CEC9</vt:lpwstr>
  </property>
</Properties>
</file>